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72" r:id="rId4"/>
    <p:sldId id="258" r:id="rId5"/>
    <p:sldId id="259" r:id="rId6"/>
    <p:sldId id="260" r:id="rId7"/>
    <p:sldId id="261" r:id="rId8"/>
    <p:sldId id="262" r:id="rId9"/>
    <p:sldId id="263" r:id="rId10"/>
    <p:sldId id="264" r:id="rId11"/>
    <p:sldId id="267" r:id="rId12"/>
    <p:sldId id="270" r:id="rId13"/>
    <p:sldId id="266" r:id="rId14"/>
    <p:sldId id="271" r:id="rId15"/>
    <p:sldId id="268" r:id="rId16"/>
    <p:sldId id="269" r:id="rId17"/>
    <p:sldId id="273" r:id="rId18"/>
    <p:sldId id="265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9718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73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04/12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worker_threads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Relationship Id="rId4" Type="http://schemas.openxmlformats.org/officeDocument/2006/relationships/hyperlink" Target="https://developer.mozilla.org/en-US/docs/Web/API/Web_Workers_API/Using_web_workers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8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hyperlink" Target="https://github.com/teraxas" TargetMode="Externa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4" Type="http://schemas.openxmlformats.org/officeDocument/2006/relationships/image" Target="../media/image3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Relationship Id="rId4" Type="http://schemas.openxmlformats.org/officeDocument/2006/relationships/image" Target="../media/image14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BAEA764-C790-4593-A12A-9DD792451D08}"/>
              </a:ext>
            </a:extLst>
          </p:cNvPr>
          <p:cNvSpPr/>
          <p:nvPr/>
        </p:nvSpPr>
        <p:spPr>
          <a:xfrm>
            <a:off x="4138362" y="1520825"/>
            <a:ext cx="8053638" cy="4638502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215600" y="1650732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906087" y="1413164"/>
            <a:ext cx="9468197" cy="517051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910" y="1778872"/>
            <a:ext cx="8716550" cy="44390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4854633" y="2299758"/>
            <a:ext cx="6857999" cy="4109355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2327" y="2733007"/>
            <a:ext cx="6367622" cy="3242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6ED08E2-0F14-4DF8-8248-E5F735F2C60B}"/>
              </a:ext>
            </a:extLst>
          </p:cNvPr>
          <p:cNvSpPr txBox="1"/>
          <p:nvPr/>
        </p:nvSpPr>
        <p:spPr>
          <a:xfrm>
            <a:off x="579120" y="2344201"/>
            <a:ext cx="45332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3600" dirty="0">
                <a:solidFill>
                  <a:schemeClr val="bg1"/>
                </a:solidFill>
                <a:latin typeface="Source Sans Pro" panose="020B0503030403020204" pitchFamily="34" charset="0"/>
              </a:rPr>
              <a:t>I/O is the bottleneck, not computations!</a:t>
            </a:r>
            <a:endParaRPr kumimoji="0" lang="en-US" altLang="en-US" sz="3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65FAFC-D9E9-46E8-A503-B9A545A55E97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7327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totally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 can create Worker threads for long running, blocking ope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worker_threads.html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er.mozilla.org/en-US/docs/Web/API/Web_Workers_API/Using_web_workers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800" dirty="0"/>
              <a:t>Async calls also enable long-poll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90607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his is a kind of alternative to </a:t>
            </a:r>
            <a:r>
              <a:rPr kumimoji="0" lang="en-US" alt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bsocke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ient makes a request and waits for response. It might take a while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7388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684568" y="200638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4B3ED8-FDD0-4504-BC73-8DB9727F1840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79368" y="1565188"/>
            <a:ext cx="981738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A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good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example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is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“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node-sass</a:t>
            </a: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” library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7A9CB6-3176-404D-A918-4F62DD0D0FD4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ould you like to ask something?</a:t>
            </a:r>
          </a:p>
        </p:txBody>
      </p:sp>
      <p:pic>
        <p:nvPicPr>
          <p:cNvPr id="3" name="Picture 2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ECCA277A-7148-4883-B533-A61A8F3BE20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256"/>
          <a:stretch/>
        </p:blipFill>
        <p:spPr>
          <a:xfrm>
            <a:off x="7852095" y="2506211"/>
            <a:ext cx="4336928" cy="43517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317661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rgbClr val="00B0F0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B0F0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Image">
            <a:extLst>
              <a:ext uri="{FF2B5EF4-FFF2-40B4-BE49-F238E27FC236}">
                <a16:creationId xmlns:a16="http://schemas.microsoft.com/office/drawing/2014/main" id="{9EC16FF0-2A54-4CB8-BC0C-B650C559A3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70809" y="1768977"/>
            <a:ext cx="2821191" cy="2821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Me</a:t>
            </a:r>
          </a:p>
        </p:txBody>
      </p:sp>
      <p:pic>
        <p:nvPicPr>
          <p:cNvPr id="6" name="Picture 5" descr="A person wearing a costume&#10;&#10;Description automatically generated">
            <a:extLst>
              <a:ext uri="{FF2B5EF4-FFF2-40B4-BE49-F238E27FC236}">
                <a16:creationId xmlns:a16="http://schemas.microsoft.com/office/drawing/2014/main" id="{073D4C51-7C9D-4680-A5CA-D7F04B2BC36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7106" y="1330636"/>
            <a:ext cx="3127972" cy="3127972"/>
          </a:xfrm>
          <a:prstGeom prst="rect">
            <a:avLst/>
          </a:prstGeom>
        </p:spPr>
      </p:pic>
      <p:pic>
        <p:nvPicPr>
          <p:cNvPr id="3" name="Picture 2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E92BB615-DB2A-403E-BDC2-FF77B4741EC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5177" y="3937729"/>
            <a:ext cx="2821190" cy="2560622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A403BE4-BF0F-4016-89D9-011F6FD3D53D}"/>
              </a:ext>
            </a:extLst>
          </p:cNvPr>
          <p:cNvSpPr txBox="1"/>
          <p:nvPr/>
        </p:nvSpPr>
        <p:spPr>
          <a:xfrm>
            <a:off x="289711" y="1330636"/>
            <a:ext cx="6934954" cy="29578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lt-LT" dirty="0">
                <a:solidFill>
                  <a:schemeClr val="bg1"/>
                </a:solidFill>
              </a:rPr>
              <a:t>Karolis Jocevičiu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lt-LT" dirty="0" err="1">
                <a:solidFill>
                  <a:schemeClr val="bg1"/>
                </a:solidFill>
              </a:rPr>
              <a:t>Studied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Software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Engineering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in</a:t>
            </a:r>
            <a:r>
              <a:rPr lang="lt-LT" dirty="0">
                <a:solidFill>
                  <a:schemeClr val="bg1"/>
                </a:solidFill>
              </a:rPr>
              <a:t> VU MIF 5 </a:t>
            </a:r>
            <a:r>
              <a:rPr lang="lt-LT" dirty="0" err="1">
                <a:solidFill>
                  <a:schemeClr val="bg1"/>
                </a:solidFill>
              </a:rPr>
              <a:t>years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ago</a:t>
            </a:r>
            <a:endParaRPr lang="lt-LT" dirty="0">
              <a:solidFill>
                <a:schemeClr val="bg1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Developing software for 7 year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Currently senior software developer in SEB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Went from Java to .NET and Node.J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Twitter: @</a:t>
            </a:r>
            <a:r>
              <a:rPr lang="en-US" dirty="0" err="1">
                <a:solidFill>
                  <a:schemeClr val="bg1"/>
                </a:solidFill>
              </a:rPr>
              <a:t>kjocevicius</a:t>
            </a:r>
            <a:endParaRPr lang="en-US" dirty="0">
              <a:solidFill>
                <a:schemeClr val="bg1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</a:t>
            </a:r>
            <a:endParaRPr lang="en-US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54901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520825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" t="-2275" r="2411" b="7280"/>
          <a:stretch/>
        </p:blipFill>
        <p:spPr bwMode="auto">
          <a:xfrm>
            <a:off x="2231832" y="868478"/>
            <a:ext cx="4501477" cy="34707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01D7107-6D29-4C3C-AB39-4A9CD5FD9A0A}"/>
              </a:ext>
            </a:extLst>
          </p:cNvPr>
          <p:cNvGrpSpPr/>
          <p:nvPr/>
        </p:nvGrpSpPr>
        <p:grpSpPr>
          <a:xfrm>
            <a:off x="6497955" y="3153467"/>
            <a:ext cx="3590925" cy="2228567"/>
            <a:chOff x="7902806" y="3785234"/>
            <a:chExt cx="3590925" cy="2228567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4632247-5ABE-49CA-83C3-CF568E4EF57C}"/>
                </a:ext>
              </a:extLst>
            </p:cNvPr>
            <p:cNvSpPr/>
            <p:nvPr/>
          </p:nvSpPr>
          <p:spPr>
            <a:xfrm>
              <a:off x="7902806" y="3785234"/>
              <a:ext cx="3590925" cy="2228567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1F1EBD48-B4E3-4FEB-A072-0F1523C175B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057194" y="3867211"/>
              <a:ext cx="3374295" cy="206461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2A460A8-2E71-418F-B54D-40B1769697D9}"/>
              </a:ext>
            </a:extLst>
          </p:cNvPr>
          <p:cNvSpPr/>
          <p:nvPr/>
        </p:nvSpPr>
        <p:spPr>
          <a:xfrm>
            <a:off x="5004262" y="2841317"/>
            <a:ext cx="5843847" cy="1574913"/>
          </a:xfrm>
          <a:prstGeom prst="rect">
            <a:avLst/>
          </a:prstGeom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134037" y="2936276"/>
            <a:ext cx="5629038" cy="13831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6B83F22-9B57-407B-964B-A0625E50B48D}"/>
              </a:ext>
            </a:extLst>
          </p:cNvPr>
          <p:cNvSpPr/>
          <p:nvPr/>
        </p:nvSpPr>
        <p:spPr>
          <a:xfrm>
            <a:off x="5004262" y="4699137"/>
            <a:ext cx="6248528" cy="1709976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16</Words>
  <Application>Microsoft Office PowerPoint</Application>
  <PresentationFormat>Widescreen</PresentationFormat>
  <Paragraphs>66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4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Me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Blocking I/O vs Non-blocking I/O</vt:lpstr>
      <vt:lpstr>Blocking I/O vs Non-blocking I/O</vt:lpstr>
      <vt:lpstr>Is Node JS totally single threaded?</vt:lpstr>
      <vt:lpstr>Async calls also enable long-polling</vt:lpstr>
      <vt:lpstr>My CPU has like 100 cores, how do I make them all work?</vt:lpstr>
      <vt:lpstr>Real programmers code in C++</vt:lpstr>
      <vt:lpstr>Would you like to ask something?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42</cp:revision>
  <dcterms:created xsi:type="dcterms:W3CDTF">2020-08-04T13:07:37Z</dcterms:created>
  <dcterms:modified xsi:type="dcterms:W3CDTF">2020-12-04T09:45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64522a4d-f12f-4888-8028-d80fdde3b7d9_Enabled">
    <vt:lpwstr>true</vt:lpwstr>
  </property>
  <property fmtid="{D5CDD505-2E9C-101B-9397-08002B2CF9AE}" pid="3" name="MSIP_Label_64522a4d-f12f-4888-8028-d80fdde3b7d9_SetDate">
    <vt:lpwstr>2020-12-04T09:45:33Z</vt:lpwstr>
  </property>
  <property fmtid="{D5CDD505-2E9C-101B-9397-08002B2CF9AE}" pid="4" name="MSIP_Label_64522a4d-f12f-4888-8028-d80fdde3b7d9_Method">
    <vt:lpwstr>Privileged</vt:lpwstr>
  </property>
  <property fmtid="{D5CDD505-2E9C-101B-9397-08002B2CF9AE}" pid="5" name="MSIP_Label_64522a4d-f12f-4888-8028-d80fdde3b7d9_Name">
    <vt:lpwstr>64522a4d-f12f-4888-8028-d80fdde3b7d9</vt:lpwstr>
  </property>
  <property fmtid="{D5CDD505-2E9C-101B-9397-08002B2CF9AE}" pid="6" name="MSIP_Label_64522a4d-f12f-4888-8028-d80fdde3b7d9_SiteId">
    <vt:lpwstr>9a8ff9e3-0e35-4620-a724-e9834dc50b51</vt:lpwstr>
  </property>
  <property fmtid="{D5CDD505-2E9C-101B-9397-08002B2CF9AE}" pid="7" name="MSIP_Label_64522a4d-f12f-4888-8028-d80fdde3b7d9_ActionId">
    <vt:lpwstr>311b644e-77d8-410a-a660-657518013816</vt:lpwstr>
  </property>
  <property fmtid="{D5CDD505-2E9C-101B-9397-08002B2CF9AE}" pid="8" name="MSIP_Label_64522a4d-f12f-4888-8028-d80fdde3b7d9_ContentBits">
    <vt:lpwstr>0</vt:lpwstr>
  </property>
</Properties>
</file>